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V-SKFLSV-01.saku-vdi.local\netprofile$\redirect\s2642\Downloads\"/>
    </mc:Choice>
  </mc:AlternateContent>
  <bookViews>
    <workbookView xWindow="0" yWindow="0" windowWidth="28800" windowHeight="11370" tabRatio="818"/>
  </bookViews>
  <sheets>
    <sheet name="14-5 " sheetId="24" r:id="rId1"/>
  </sheets>
  <definedNames>
    <definedName name="_xlnm.Print_Area" localSheetId="0">'14-5 '!$A$1:$F$25</definedName>
  </definedNames>
  <calcPr calcId="145621"/>
</workbook>
</file>

<file path=xl/sharedStrings.xml><?xml version="1.0" encoding="utf-8"?>
<sst xmlns="http://schemas.openxmlformats.org/spreadsheetml/2006/main" count="11" uniqueCount="11">
  <si>
    <t>佐久地域</t>
    <rPh sb="0" eb="2">
      <t>サク</t>
    </rPh>
    <rPh sb="2" eb="4">
      <t>チイキ</t>
    </rPh>
    <phoneticPr fontId="1"/>
  </si>
  <si>
    <t>臼田地域</t>
    <rPh sb="0" eb="2">
      <t>ウスダ</t>
    </rPh>
    <rPh sb="2" eb="4">
      <t>チイキ</t>
    </rPh>
    <phoneticPr fontId="1"/>
  </si>
  <si>
    <t>浅科地域</t>
    <rPh sb="0" eb="2">
      <t>アサシナ</t>
    </rPh>
    <rPh sb="2" eb="4">
      <t>チイキ</t>
    </rPh>
    <phoneticPr fontId="1"/>
  </si>
  <si>
    <t>14-5　水洗化の状況</t>
    <rPh sb="5" eb="8">
      <t>スイセンカ</t>
    </rPh>
    <rPh sb="9" eb="11">
      <t>ジョウキョウ</t>
    </rPh>
    <phoneticPr fontId="1"/>
  </si>
  <si>
    <t>望月地域</t>
    <rPh sb="0" eb="2">
      <t>モチヅキ</t>
    </rPh>
    <rPh sb="2" eb="4">
      <t>チイキ</t>
    </rPh>
    <phoneticPr fontId="1"/>
  </si>
  <si>
    <t>年度</t>
    <rPh sb="0" eb="2">
      <t>ネンド</t>
    </rPh>
    <phoneticPr fontId="1"/>
  </si>
  <si>
    <t>平成13年度</t>
    <rPh sb="0" eb="2">
      <t>ヘイセイ</t>
    </rPh>
    <rPh sb="4" eb="5">
      <t>ネン</t>
    </rPh>
    <rPh sb="5" eb="6">
      <t>ド</t>
    </rPh>
    <phoneticPr fontId="1"/>
  </si>
  <si>
    <t>（単位：％）</t>
    <rPh sb="1" eb="3">
      <t>タンイ</t>
    </rPh>
    <phoneticPr fontId="1"/>
  </si>
  <si>
    <t>総　数</t>
    <rPh sb="0" eb="1">
      <t>ソウ</t>
    </rPh>
    <rPh sb="2" eb="3">
      <t>スウ</t>
    </rPh>
    <phoneticPr fontId="1"/>
  </si>
  <si>
    <t>令和元年度</t>
    <rPh sb="0" eb="5">
      <t>レイワガンネンド</t>
    </rPh>
    <phoneticPr fontId="1"/>
  </si>
  <si>
    <t>資料：下水道課</t>
    <rPh sb="0" eb="2">
      <t>シリョウ</t>
    </rPh>
    <rPh sb="3" eb="6">
      <t>ゲスイドウ</t>
    </rPh>
    <rPh sb="6" eb="7">
      <t>カ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0.0_);[Red]\(0.0\)"/>
  </numFmts>
  <fonts count="5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明朝"/>
      <family val="1"/>
      <charset val="128"/>
    </font>
    <font>
      <b/>
      <sz val="11"/>
      <name val="明朝"/>
      <family val="1"/>
      <charset val="128"/>
    </font>
    <font>
      <sz val="10"/>
      <name val="明朝"/>
      <family val="1"/>
      <charset val="128"/>
    </font>
  </fonts>
  <fills count="2">
    <fill>
      <patternFill patternType="none"/>
    </fill>
    <fill>
      <patternFill patternType="gray125"/>
    </fill>
  </fills>
  <borders count="8">
    <border>
      <left/>
      <right/>
      <top/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</borders>
  <cellStyleXfs count="1">
    <xf numFmtId="0" fontId="0" fillId="0" borderId="0"/>
  </cellStyleXfs>
  <cellXfs count="17">
    <xf numFmtId="0" fontId="0" fillId="0" borderId="0" xfId="0"/>
    <xf numFmtId="0" fontId="3" fillId="0" borderId="0" xfId="0" applyFont="1" applyAlignment="1">
      <alignment vertical="center"/>
    </xf>
    <xf numFmtId="0" fontId="2" fillId="0" borderId="0" xfId="0" applyFont="1" applyAlignment="1">
      <alignment vertical="center"/>
    </xf>
    <xf numFmtId="0" fontId="2" fillId="0" borderId="0" xfId="0" applyFont="1" applyBorder="1" applyAlignment="1">
      <alignment vertical="center"/>
    </xf>
    <xf numFmtId="0" fontId="2" fillId="0" borderId="0" xfId="0" applyFont="1" applyBorder="1" applyAlignment="1">
      <alignment horizontal="center" vertical="center"/>
    </xf>
    <xf numFmtId="0" fontId="2" fillId="0" borderId="0" xfId="0" applyFont="1" applyBorder="1" applyAlignment="1">
      <alignment horizontal="right" vertical="center"/>
    </xf>
    <xf numFmtId="0" fontId="4" fillId="0" borderId="0" xfId="0" applyFont="1" applyAlignment="1">
      <alignment horizontal="right" vertical="center"/>
    </xf>
    <xf numFmtId="176" fontId="2" fillId="0" borderId="0" xfId="0" applyNumberFormat="1" applyFont="1" applyBorder="1" applyAlignment="1">
      <alignment horizontal="center" vertical="center"/>
    </xf>
    <xf numFmtId="176" fontId="2" fillId="0" borderId="0" xfId="0" applyNumberFormat="1" applyFont="1" applyFill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2" fillId="0" borderId="2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 shrinkToFit="1"/>
    </xf>
    <xf numFmtId="0" fontId="2" fillId="0" borderId="4" xfId="0" applyFont="1" applyBorder="1" applyAlignment="1">
      <alignment horizontal="center" vertical="center" shrinkToFit="1"/>
    </xf>
    <xf numFmtId="0" fontId="2" fillId="0" borderId="0" xfId="0" applyFont="1" applyAlignment="1">
      <alignment horizontal="center" vertical="center"/>
    </xf>
    <xf numFmtId="176" fontId="2" fillId="0" borderId="5" xfId="0" applyNumberFormat="1" applyFont="1" applyBorder="1" applyAlignment="1">
      <alignment horizontal="center" vertical="center"/>
    </xf>
    <xf numFmtId="176" fontId="2" fillId="0" borderId="6" xfId="0" applyNumberFormat="1" applyFont="1" applyFill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33"/>
  <sheetViews>
    <sheetView tabSelected="1" view="pageBreakPreview" zoomScaleNormal="100" zoomScaleSheetLayoutView="100" workbookViewId="0">
      <pane ySplit="2" topLeftCell="A9" activePane="bottomLeft" state="frozen"/>
      <selection pane="bottomLeft" activeCell="D24" sqref="D24"/>
    </sheetView>
  </sheetViews>
  <sheetFormatPr defaultRowHeight="13.5"/>
  <cols>
    <col min="1" max="1" width="11.125" style="2" customWidth="1"/>
    <col min="2" max="6" width="15" style="2" customWidth="1"/>
    <col min="7" max="16384" width="9" style="2"/>
  </cols>
  <sheetData>
    <row r="1" spans="1:6" ht="18" customHeight="1" thickBot="1">
      <c r="A1" s="1" t="s">
        <v>3</v>
      </c>
      <c r="B1" s="6"/>
      <c r="F1" s="13" t="s">
        <v>7</v>
      </c>
    </row>
    <row r="2" spans="1:6" ht="24.95" customHeight="1" thickBot="1">
      <c r="A2" s="9" t="s">
        <v>5</v>
      </c>
      <c r="B2" s="12" t="s">
        <v>8</v>
      </c>
      <c r="C2" s="11" t="s">
        <v>0</v>
      </c>
      <c r="D2" s="11" t="s">
        <v>1</v>
      </c>
      <c r="E2" s="11" t="s">
        <v>2</v>
      </c>
      <c r="F2" s="12" t="s">
        <v>4</v>
      </c>
    </row>
    <row r="3" spans="1:6" ht="24.95" customHeight="1">
      <c r="A3" s="9" t="s">
        <v>6</v>
      </c>
      <c r="B3" s="14">
        <v>64.2</v>
      </c>
      <c r="C3" s="15">
        <v>70.8</v>
      </c>
      <c r="D3" s="15">
        <v>63</v>
      </c>
      <c r="E3" s="15">
        <v>56.9</v>
      </c>
      <c r="F3" s="15">
        <v>31.4</v>
      </c>
    </row>
    <row r="4" spans="1:6" ht="22.5" customHeight="1">
      <c r="A4" s="10">
        <v>14</v>
      </c>
      <c r="B4" s="16">
        <v>68</v>
      </c>
      <c r="C4" s="8">
        <v>73.900000000000006</v>
      </c>
      <c r="D4" s="8">
        <v>66.400000000000006</v>
      </c>
      <c r="E4" s="8">
        <v>62.2</v>
      </c>
      <c r="F4" s="8">
        <v>37.1</v>
      </c>
    </row>
    <row r="5" spans="1:6" ht="22.5" customHeight="1">
      <c r="A5" s="10">
        <v>15</v>
      </c>
      <c r="B5" s="16">
        <v>71.599999999999994</v>
      </c>
      <c r="C5" s="8">
        <v>76.599999999999994</v>
      </c>
      <c r="D5" s="8">
        <v>70.3</v>
      </c>
      <c r="E5" s="8">
        <v>68.3</v>
      </c>
      <c r="F5" s="8">
        <v>42.2</v>
      </c>
    </row>
    <row r="6" spans="1:6" ht="22.5" customHeight="1">
      <c r="A6" s="10">
        <v>16</v>
      </c>
      <c r="B6" s="16">
        <v>74.8</v>
      </c>
      <c r="C6" s="8">
        <v>80.099999999999994</v>
      </c>
      <c r="D6" s="8">
        <v>74.099999999999994</v>
      </c>
      <c r="E6" s="8">
        <v>69.900000000000006</v>
      </c>
      <c r="F6" s="8">
        <v>44.2</v>
      </c>
    </row>
    <row r="7" spans="1:6" ht="22.5" customHeight="1">
      <c r="A7" s="10">
        <v>17</v>
      </c>
      <c r="B7" s="16">
        <v>77.8</v>
      </c>
      <c r="C7" s="8">
        <v>82.8</v>
      </c>
      <c r="D7" s="8">
        <v>77.2</v>
      </c>
      <c r="E7" s="8">
        <v>71.3</v>
      </c>
      <c r="F7" s="8">
        <v>49.7</v>
      </c>
    </row>
    <row r="8" spans="1:6" ht="22.5" customHeight="1">
      <c r="A8" s="10">
        <v>18</v>
      </c>
      <c r="B8" s="16">
        <v>80.8</v>
      </c>
      <c r="C8" s="8">
        <v>85.6</v>
      </c>
      <c r="D8" s="8">
        <v>80</v>
      </c>
      <c r="E8" s="8">
        <v>73.099999999999994</v>
      </c>
      <c r="F8" s="8">
        <v>54.7</v>
      </c>
    </row>
    <row r="9" spans="1:6" ht="22.5" customHeight="1">
      <c r="A9" s="10">
        <v>19</v>
      </c>
      <c r="B9" s="16">
        <v>83.4</v>
      </c>
      <c r="C9" s="8">
        <v>88.2</v>
      </c>
      <c r="D9" s="8">
        <v>82.7</v>
      </c>
      <c r="E9" s="8">
        <v>75</v>
      </c>
      <c r="F9" s="8">
        <v>57.8</v>
      </c>
    </row>
    <row r="10" spans="1:6" ht="22.5" customHeight="1">
      <c r="A10" s="10">
        <v>20</v>
      </c>
      <c r="B10" s="16">
        <v>85.3</v>
      </c>
      <c r="C10" s="8">
        <v>89.8</v>
      </c>
      <c r="D10" s="8">
        <v>84.3</v>
      </c>
      <c r="E10" s="8">
        <v>76.400000000000006</v>
      </c>
      <c r="F10" s="8">
        <v>61.9</v>
      </c>
    </row>
    <row r="11" spans="1:6" ht="22.5" customHeight="1">
      <c r="A11" s="10">
        <v>21</v>
      </c>
      <c r="B11" s="16">
        <v>86.1</v>
      </c>
      <c r="C11" s="8">
        <v>90</v>
      </c>
      <c r="D11" s="8">
        <v>84.8</v>
      </c>
      <c r="E11" s="8">
        <v>78.099999999999994</v>
      </c>
      <c r="F11" s="8">
        <v>66.5</v>
      </c>
    </row>
    <row r="12" spans="1:6" ht="22.5" customHeight="1">
      <c r="A12" s="10">
        <v>22</v>
      </c>
      <c r="B12" s="16">
        <v>86.9</v>
      </c>
      <c r="C12" s="8">
        <v>90.9</v>
      </c>
      <c r="D12" s="8">
        <v>85.6</v>
      </c>
      <c r="E12" s="8">
        <v>78.400000000000006</v>
      </c>
      <c r="F12" s="8">
        <v>66.599999999999994</v>
      </c>
    </row>
    <row r="13" spans="1:6" ht="22.5" customHeight="1">
      <c r="A13" s="10">
        <v>23</v>
      </c>
      <c r="B13" s="16">
        <v>88</v>
      </c>
      <c r="C13" s="8">
        <v>91.9</v>
      </c>
      <c r="D13" s="8">
        <v>86.8</v>
      </c>
      <c r="E13" s="8">
        <v>79</v>
      </c>
      <c r="F13" s="8">
        <v>67.8</v>
      </c>
    </row>
    <row r="14" spans="1:6" ht="22.5" customHeight="1">
      <c r="A14" s="10">
        <v>24</v>
      </c>
      <c r="B14" s="16">
        <v>89.5</v>
      </c>
      <c r="C14" s="8">
        <v>93.3</v>
      </c>
      <c r="D14" s="8">
        <v>88.3</v>
      </c>
      <c r="E14" s="8">
        <v>80.5</v>
      </c>
      <c r="F14" s="8">
        <v>69.5</v>
      </c>
    </row>
    <row r="15" spans="1:6" ht="22.5" customHeight="1">
      <c r="A15" s="10">
        <v>25</v>
      </c>
      <c r="B15" s="16">
        <v>90.6</v>
      </c>
      <c r="C15" s="8">
        <v>94</v>
      </c>
      <c r="D15" s="8">
        <v>90.2</v>
      </c>
      <c r="E15" s="8">
        <v>82.1</v>
      </c>
      <c r="F15" s="8">
        <v>71.3</v>
      </c>
    </row>
    <row r="16" spans="1:6" ht="22.5" customHeight="1">
      <c r="A16" s="10">
        <v>26</v>
      </c>
      <c r="B16" s="16">
        <v>91.5</v>
      </c>
      <c r="C16" s="8">
        <v>94.7</v>
      </c>
      <c r="D16" s="8">
        <v>91.3</v>
      </c>
      <c r="E16" s="8">
        <v>84.2</v>
      </c>
      <c r="F16" s="8">
        <v>72.5</v>
      </c>
    </row>
    <row r="17" spans="1:7" ht="22.5" customHeight="1">
      <c r="A17" s="10">
        <v>27</v>
      </c>
      <c r="B17" s="16">
        <v>92.6</v>
      </c>
      <c r="C17" s="8">
        <v>95.5</v>
      </c>
      <c r="D17" s="8">
        <v>92.7</v>
      </c>
      <c r="E17" s="8">
        <v>87</v>
      </c>
      <c r="F17" s="8">
        <v>74.3</v>
      </c>
    </row>
    <row r="18" spans="1:7" ht="22.5" customHeight="1">
      <c r="A18" s="10">
        <v>28</v>
      </c>
      <c r="B18" s="7">
        <v>92.8</v>
      </c>
      <c r="C18" s="8">
        <v>96.2</v>
      </c>
      <c r="D18" s="8">
        <v>91.1</v>
      </c>
      <c r="E18" s="8">
        <v>85</v>
      </c>
      <c r="F18" s="8">
        <v>74</v>
      </c>
    </row>
    <row r="19" spans="1:7" ht="22.5" customHeight="1">
      <c r="A19" s="10">
        <v>29</v>
      </c>
      <c r="B19" s="7">
        <v>93.2</v>
      </c>
      <c r="C19" s="8">
        <v>96.5</v>
      </c>
      <c r="D19" s="8">
        <v>90.1</v>
      </c>
      <c r="E19" s="8">
        <v>86.3</v>
      </c>
      <c r="F19" s="8">
        <v>75.7</v>
      </c>
    </row>
    <row r="20" spans="1:7" ht="22.5" customHeight="1">
      <c r="A20" s="10">
        <v>30</v>
      </c>
      <c r="B20" s="7">
        <v>93.6</v>
      </c>
      <c r="C20" s="8">
        <v>96.2</v>
      </c>
      <c r="D20" s="8">
        <v>92.3</v>
      </c>
      <c r="E20" s="8">
        <v>90.2</v>
      </c>
      <c r="F20" s="8">
        <v>76.599999999999994</v>
      </c>
    </row>
    <row r="21" spans="1:7" ht="22.5" customHeight="1">
      <c r="A21" s="10" t="s">
        <v>9</v>
      </c>
      <c r="B21" s="7">
        <v>94.2</v>
      </c>
      <c r="C21" s="8">
        <v>96.3</v>
      </c>
      <c r="D21" s="8">
        <v>93.6</v>
      </c>
      <c r="E21" s="8">
        <v>92.1</v>
      </c>
      <c r="F21" s="8">
        <v>79.400000000000006</v>
      </c>
    </row>
    <row r="22" spans="1:7" ht="22.5" customHeight="1">
      <c r="A22" s="10">
        <v>2</v>
      </c>
      <c r="B22" s="7">
        <v>95</v>
      </c>
      <c r="C22" s="8">
        <v>97.09</v>
      </c>
      <c r="D22" s="8">
        <v>94.13</v>
      </c>
      <c r="E22" s="8">
        <v>92.51</v>
      </c>
      <c r="F22" s="8">
        <v>79.95</v>
      </c>
    </row>
    <row r="23" spans="1:7" ht="22.5" customHeight="1">
      <c r="A23" s="10">
        <v>3</v>
      </c>
      <c r="B23" s="7">
        <v>95.1</v>
      </c>
      <c r="C23" s="8">
        <v>97.09</v>
      </c>
      <c r="D23" s="8">
        <v>94.4</v>
      </c>
      <c r="E23" s="8">
        <v>92.6</v>
      </c>
      <c r="F23" s="8">
        <v>80.900000000000006</v>
      </c>
    </row>
    <row r="24" spans="1:7" ht="22.5" customHeight="1">
      <c r="A24" s="4"/>
      <c r="B24" s="7"/>
      <c r="C24" s="8"/>
      <c r="D24" s="8"/>
      <c r="E24" s="8"/>
      <c r="F24" s="8"/>
    </row>
    <row r="25" spans="1:7" ht="22.5" customHeight="1">
      <c r="A25" s="3" t="s">
        <v>10</v>
      </c>
    </row>
    <row r="26" spans="1:7" s="3" customFormat="1">
      <c r="A26" s="2"/>
      <c r="B26" s="2"/>
      <c r="C26" s="2"/>
      <c r="D26" s="2"/>
      <c r="E26" s="2"/>
      <c r="F26" s="2"/>
      <c r="G26" s="2"/>
    </row>
    <row r="27" spans="1:7" s="3" customFormat="1"/>
    <row r="28" spans="1:7" s="3" customFormat="1">
      <c r="B28" s="4"/>
    </row>
    <row r="29" spans="1:7" s="3" customFormat="1"/>
    <row r="30" spans="1:7" s="3" customFormat="1"/>
    <row r="31" spans="1:7" s="3" customFormat="1"/>
    <row r="32" spans="1:7" s="3" customFormat="1"/>
    <row r="33" spans="1:7">
      <c r="A33" s="3"/>
      <c r="B33" s="5"/>
      <c r="C33" s="3"/>
      <c r="D33" s="3"/>
      <c r="E33" s="3"/>
      <c r="F33" s="3"/>
      <c r="G33" s="3"/>
    </row>
  </sheetData>
  <phoneticPr fontId="1"/>
  <printOptions horizontalCentered="1"/>
  <pageMargins left="0.78740157480314965" right="0.78740157480314965" top="0.78740157480314965" bottom="0.78740157480314965" header="0.31496062992125984" footer="0.31496062992125984"/>
  <pageSetup paperSize="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14-5 </vt:lpstr>
      <vt:lpstr>'14-5 '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2-07-21T01:04:13Z</cp:lastPrinted>
  <dcterms:created xsi:type="dcterms:W3CDTF">1997-01-08T22:48:59Z</dcterms:created>
  <dcterms:modified xsi:type="dcterms:W3CDTF">2022-07-21T01:05:08Z</dcterms:modified>
</cp:coreProperties>
</file>